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osterhou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FBD8CA9E-FDAB-239F-5F00-5F154AE2DA3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327" y="4634743"/>
            <a:ext cx="2244586" cy="202910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E3148D3C-44E0-F976-6B12-4C14506FB35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4908" y="3847785"/>
            <a:ext cx="1617489"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5-06T06:27:56Z</dcterms:modified>
</cp:coreProperties>
</file>